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23"/>
  </p:notesMasterIdLst>
  <p:handoutMasterIdLst>
    <p:handoutMasterId r:id="rId24"/>
  </p:handoutMasterIdLst>
  <p:sldIdLst>
    <p:sldId id="273" r:id="rId3"/>
    <p:sldId id="265" r:id="rId4"/>
    <p:sldId id="277" r:id="rId5"/>
    <p:sldId id="278" r:id="rId6"/>
    <p:sldId id="274" r:id="rId7"/>
    <p:sldId id="266" r:id="rId8"/>
    <p:sldId id="275" r:id="rId9"/>
    <p:sldId id="284" r:id="rId10"/>
    <p:sldId id="279" r:id="rId11"/>
    <p:sldId id="281" r:id="rId12"/>
    <p:sldId id="282" r:id="rId13"/>
    <p:sldId id="283" r:id="rId14"/>
    <p:sldId id="280" r:id="rId15"/>
    <p:sldId id="285" r:id="rId16"/>
    <p:sldId id="260" r:id="rId17"/>
    <p:sldId id="289" r:id="rId18"/>
    <p:sldId id="276" r:id="rId19"/>
    <p:sldId id="286" r:id="rId20"/>
    <p:sldId id="287" r:id="rId21"/>
    <p:sldId id="288" r:id="rId2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eur" initials="A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654" y="108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4" d="100"/>
          <a:sy n="64" d="100"/>
        </p:scale>
        <p:origin x="196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commentAuthors" Target="commentAuthors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3/5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3/5/2017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32882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1852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>
          <a:gsLst>
            <a:gs pos="100000">
              <a:schemeClr val="accent1">
                <a:lumMod val="20000"/>
                <a:lumOff val="80000"/>
                <a:alpha val="86000"/>
              </a:schemeClr>
            </a:gs>
            <a:gs pos="42000">
              <a:schemeClr val="bg1">
                <a:alpha val="40000"/>
              </a:schemeClr>
            </a:gs>
            <a:gs pos="0">
              <a:schemeClr val="accent1">
                <a:lumMod val="20000"/>
                <a:lumOff val="80000"/>
                <a:alpha val="85000"/>
              </a:schemeClr>
            </a:gs>
            <a:gs pos="75000">
              <a:schemeClr val="bg1">
                <a:alpha val="40000"/>
              </a:schemeClr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6" name="Group 5"/>
          <p:cNvGrpSpPr/>
          <p:nvPr/>
        </p:nvGrpSpPr>
        <p:grpSpPr>
          <a:xfrm>
            <a:off x="0" y="0"/>
            <a:ext cx="12188825" cy="713232"/>
            <a:chOff x="0" y="0"/>
            <a:chExt cx="12188825" cy="713232"/>
          </a:xfrm>
        </p:grpSpPr>
        <p:sp>
          <p:nvSpPr>
            <p:cNvPr id="7" name="Rectangle 6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0" y="0"/>
            <a:ext cx="713232" cy="6858000"/>
            <a:chOff x="0" y="0"/>
            <a:chExt cx="713232" cy="6858000"/>
          </a:xfrm>
        </p:grpSpPr>
        <p:sp>
          <p:nvSpPr>
            <p:cNvPr id="12" name="Rectangle 11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 rot="10800000">
            <a:off x="11478768" y="0"/>
            <a:ext cx="713232" cy="6858000"/>
            <a:chOff x="0" y="0"/>
            <a:chExt cx="713232" cy="6858000"/>
          </a:xfrm>
        </p:grpSpPr>
        <p:sp>
          <p:nvSpPr>
            <p:cNvPr id="23" name="Rectangle 22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24" name="Rectangle 23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flipV="1">
            <a:off x="0" y="6144768"/>
            <a:ext cx="12188825" cy="713232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Autofit/>
          </a:bodyPr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2520" y="3749040"/>
            <a:ext cx="9966960" cy="9144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all" baseline="0"/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/>
              <a:t>Modifier le style des sous-titres du masqu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5" name="Rectangle 1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 flipV="1">
            <a:off x="0" y="630936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6736" y="0"/>
            <a:ext cx="12188825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rmAutofit/>
          </a:bodyPr>
          <a:lstStyle>
            <a:lvl1pPr algn="ctr">
              <a:defRPr sz="5400" b="0">
                <a:solidFill>
                  <a:schemeClr val="tx1">
                    <a:lumMod val="75000"/>
                  </a:schemeClr>
                </a:solidFill>
              </a:defRPr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2520" y="3749040"/>
            <a:ext cx="9966960" cy="914400"/>
          </a:xfrm>
        </p:spPr>
        <p:txBody>
          <a:bodyPr anchor="t"/>
          <a:lstStyle>
            <a:lvl1pPr marL="0" indent="0" algn="ctr">
              <a:spcBef>
                <a:spcPts val="0"/>
              </a:spcBef>
              <a:buNone/>
              <a:defRPr sz="20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879FD0-C37A-4F50-8F3B-5FA0D9D0B42F}" type="datetimeFigureOut">
              <a:rPr lang="fr-FR"/>
              <a:t>05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6EF73-9DB8-4763-865F-2F88181A473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3056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ctangle 5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0" y="1005840"/>
            <a:ext cx="7223760" cy="493776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48640" y="548640"/>
            <a:ext cx="6675120" cy="5760720"/>
          </a:xfrm>
          <a:solidFill>
            <a:schemeClr val="bg1">
              <a:lumMod val="95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7772400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 flipV="1">
            <a:off x="0" y="6309360"/>
            <a:ext cx="7772400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4" name="Group 13"/>
          <p:cNvGrpSpPr/>
          <p:nvPr/>
        </p:nvGrpSpPr>
        <p:grpSpPr>
          <a:xfrm rot="5400000" flipV="1">
            <a:off x="-3154680" y="3154680"/>
            <a:ext cx="6858000" cy="548640"/>
            <a:chOff x="0" y="0"/>
            <a:chExt cx="12188825" cy="713232"/>
          </a:xfrm>
        </p:grpSpPr>
        <p:sp>
          <p:nvSpPr>
            <p:cNvPr id="15" name="Rectangle 14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6" name="Rectangle 15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rot="16200000" flipH="1" flipV="1">
            <a:off x="4069079" y="3154681"/>
            <a:ext cx="6858000" cy="548640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20000"/>
                <a:lumOff val="80000"/>
                <a:alpha val="56000"/>
              </a:schemeClr>
            </a:gs>
            <a:gs pos="79000">
              <a:schemeClr val="bg1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9" name="Rectangle 8"/>
          <p:cNvSpPr/>
          <p:nvPr/>
        </p:nvSpPr>
        <p:spPr bwMode="auto">
          <a:xfrm>
            <a:off x="0" y="6309360"/>
            <a:ext cx="12188825" cy="50292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0" name="Rectangle 9"/>
          <p:cNvSpPr/>
          <p:nvPr/>
        </p:nvSpPr>
        <p:spPr bwMode="auto">
          <a:xfrm>
            <a:off x="0" y="6703255"/>
            <a:ext cx="12188825" cy="154745"/>
          </a:xfrm>
          <a:prstGeom prst="rect">
            <a:avLst/>
          </a:prstGeom>
          <a:solidFill>
            <a:schemeClr val="accent1">
              <a:alpha val="27843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1088136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73352"/>
            <a:ext cx="950976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391656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E583DDF-CA54-461A-A486-592D2374C532}" type="datetimeFigureOut">
              <a:rPr lang="fr-FR"/>
              <a:pPr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391656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391656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CA8D9AD5-F248-4919-864A-CFD76CC027D6}" type="slidenum">
              <a:rPr/>
              <a:p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3840">
          <p15:clr>
            <a:srgbClr val="F26B43"/>
          </p15:clr>
        </p15:guide>
        <p15:guide id="5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marL="0" indent="0" algn="ctr" defTabSz="914400">
              <a:lnSpc>
                <a:spcPct val="90000"/>
              </a:lnSpc>
              <a:spcBef>
                <a:spcPts val="0"/>
              </a:spcBef>
              <a:buNone/>
            </a:pPr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Les Micro ORM, alternatives à Entity Framework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110810" y="4290112"/>
            <a:ext cx="7259693" cy="1242411"/>
          </a:xfrm>
        </p:spPr>
        <p:txBody>
          <a:bodyPr>
            <a:normAutofit/>
          </a:bodyPr>
          <a:lstStyle/>
          <a:p>
            <a:r>
              <a:rPr lang="fr-FR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Anthony Giretti</a:t>
            </a:r>
          </a:p>
          <a:p>
            <a:r>
              <a:rPr lang="fr-CA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Consultant </a:t>
            </a:r>
            <a:r>
              <a:rPr lang="fr-FR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sénior .NET chez Technologies NTER (Loto-Québec)</a:t>
            </a:r>
          </a:p>
          <a:p>
            <a:r>
              <a:rPr lang="fr-CA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http://anthonygiretti.com</a:t>
            </a:r>
            <a:endParaRPr lang="fr-FR" sz="2000" cap="none" noProof="1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fr-FR" cap="none" noProof="1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2038" y="4049815"/>
            <a:ext cx="1482708" cy="14827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874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Massiv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850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icroOrm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fournissant uniquement des données dynamiq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eu de bases de données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relationelles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:</a:t>
            </a:r>
          </a:p>
          <a:p>
            <a:pPr marL="365760" lvl="1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ouble Syntaxe SQL et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Fournit les commandes de base uniquement, syntaxe simpliste (pa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Join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ar exemple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les transactions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non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faire hériter ses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cos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’une classe nommée « 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ynamicMode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 »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Mapper ses données dans un autre objet typé similaire ou se contenter de données dynamiq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as de packag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NuGet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télécharger deux fichiers sur le repo GitHub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Testable unitairement ? : pas de réponse à date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r>
              <a:rPr lang="fr-CA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J : </a:t>
            </a:r>
            <a:r>
              <a:rPr lang="fr-CA" dirty="0" err="1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sync</a:t>
            </a:r>
            <a:r>
              <a:rPr lang="fr-CA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pris en charge depuis peu (télécharger un fichier sur </a:t>
            </a:r>
            <a:r>
              <a:rPr lang="fr-CA" dirty="0" err="1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ithub</a:t>
            </a:r>
            <a:r>
              <a:rPr lang="fr-CA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)</a:t>
            </a:r>
            <a:endParaRPr lang="fr-FR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45684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85000"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«  Inspiré » de Massive, probablement un fork de ce dernier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les bases de données 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MySQL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ireBird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Triple Syntaxe SQL, LINQ-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et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ommunauté active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as d’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.N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Co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les transaction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Insert, Update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ele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identiques à Massiv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’ajouter des attribut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si on utilise des alias dans la requête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as d’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sync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57918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Fork d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Même avantage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avec des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eatures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additionnelles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ans un objet existant possible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uppor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les jeux de données multiples (comme EF, mais plus élégant)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syn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(mais pas toute les opérations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t bien d’autres encore…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yntax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quasiment identique, plus simple dans la plupart des cas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G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estion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des relations simplifié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lus besoin d’attributs d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comm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les alias sont mieux pris en charg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Moins populaire qu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communauté moins active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833767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OrmLit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éveloppé par l’équip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erviceStack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lusieurs bases de données relationnelles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ysql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ireBird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VistaDB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ouble Syntaxe LINQ-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(élégante) et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A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I riche en fonctionnali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ommunauté active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.N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Co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les transactions, et le requêtes asynchron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non supportées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56944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Dapper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éveloppé par l’équip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tackExchange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lusieurs bases de données relationnelles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ysql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ireBird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A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I riche en fonctionnali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ommunauté très active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très intéressantes (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le plus rapide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.N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Co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les transactions, et le requêtes asynchron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Relations non supportées, mapper facile à utiliser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les relation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Insert, Update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ele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iquement en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texte : un peu plus fastidieux à écrir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, grandement facilité avec «  </a:t>
            </a:r>
            <a:r>
              <a:rPr lang="fr-CA" dirty="0" err="1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pperWrapper</a:t>
            </a: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» et «  </a:t>
            </a:r>
            <a:r>
              <a:rPr lang="fr-CA" dirty="0" err="1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pperParameters</a:t>
            </a: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» pour unit tester les procédures stockées</a:t>
            </a:r>
            <a:endParaRPr lang="fr-FR" dirty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303896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>
            <a:normAutofit fontScale="90000"/>
          </a:bodyPr>
          <a:lstStyle/>
          <a:p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Aperçu des performances </a:t>
            </a:r>
            <a:b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Select unique avec 500 enregistrements</a:t>
            </a:r>
            <a:endParaRPr lang="fr-FR" noProof="1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6" name="Espace réservé du contenu 5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41120" y="1023457"/>
            <a:ext cx="9302889" cy="5232874"/>
          </a:xfrm>
        </p:spPr>
      </p:pic>
    </p:spTree>
    <p:extLst>
      <p:ext uri="{BB962C8B-B14F-4D97-AF65-F5344CB8AC3E}">
        <p14:creationId xmlns:p14="http://schemas.microsoft.com/office/powerpoint/2010/main" val="1341470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>
            <a:normAutofit fontScale="90000"/>
          </a:bodyPr>
          <a:lstStyle/>
          <a:p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Aperçu des performances </a:t>
            </a:r>
            <a:b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Select en boucle avec un enregistrement unique</a:t>
            </a:r>
            <a:endParaRPr lang="fr-FR" noProof="1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Espace réservé du contenu 1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1613" y="1199626"/>
            <a:ext cx="8535746" cy="4801357"/>
          </a:xfrm>
        </p:spPr>
      </p:pic>
    </p:spTree>
    <p:extLst>
      <p:ext uri="{BB962C8B-B14F-4D97-AF65-F5344CB8AC3E}">
        <p14:creationId xmlns:p14="http://schemas.microsoft.com/office/powerpoint/2010/main" val="335061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91962"/>
          </a:xfrm>
        </p:spPr>
        <p:txBody>
          <a:bodyPr/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Récapitulatif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98739614"/>
              </p:ext>
            </p:extLst>
          </p:nvPr>
        </p:nvGraphicFramePr>
        <p:xfrm>
          <a:off x="212520" y="1686383"/>
          <a:ext cx="11979481" cy="3171852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67705">
                  <a:extLst>
                    <a:ext uri="{9D8B030D-6E8A-4147-A177-3AD203B41FA5}">
                      <a16:colId xmlns:a16="http://schemas.microsoft.com/office/drawing/2014/main" val="2167666082"/>
                    </a:ext>
                  </a:extLst>
                </a:gridCol>
                <a:gridCol w="1285207">
                  <a:extLst>
                    <a:ext uri="{9D8B030D-6E8A-4147-A177-3AD203B41FA5}">
                      <a16:colId xmlns:a16="http://schemas.microsoft.com/office/drawing/2014/main" val="927774335"/>
                    </a:ext>
                  </a:extLst>
                </a:gridCol>
                <a:gridCol w="855084">
                  <a:extLst>
                    <a:ext uri="{9D8B030D-6E8A-4147-A177-3AD203B41FA5}">
                      <a16:colId xmlns:a16="http://schemas.microsoft.com/office/drawing/2014/main" val="477042933"/>
                    </a:ext>
                  </a:extLst>
                </a:gridCol>
                <a:gridCol w="2289667">
                  <a:extLst>
                    <a:ext uri="{9D8B030D-6E8A-4147-A177-3AD203B41FA5}">
                      <a16:colId xmlns:a16="http://schemas.microsoft.com/office/drawing/2014/main" val="3771356532"/>
                    </a:ext>
                  </a:extLst>
                </a:gridCol>
                <a:gridCol w="1109708">
                  <a:extLst>
                    <a:ext uri="{9D8B030D-6E8A-4147-A177-3AD203B41FA5}">
                      <a16:colId xmlns:a16="http://schemas.microsoft.com/office/drawing/2014/main" val="3374069151"/>
                    </a:ext>
                  </a:extLst>
                </a:gridCol>
                <a:gridCol w="1331651">
                  <a:extLst>
                    <a:ext uri="{9D8B030D-6E8A-4147-A177-3AD203B41FA5}">
                      <a16:colId xmlns:a16="http://schemas.microsoft.com/office/drawing/2014/main" val="1442313358"/>
                    </a:ext>
                  </a:extLst>
                </a:gridCol>
                <a:gridCol w="905522">
                  <a:extLst>
                    <a:ext uri="{9D8B030D-6E8A-4147-A177-3AD203B41FA5}">
                      <a16:colId xmlns:a16="http://schemas.microsoft.com/office/drawing/2014/main" val="2763533904"/>
                    </a:ext>
                  </a:extLst>
                </a:gridCol>
                <a:gridCol w="1127464">
                  <a:extLst>
                    <a:ext uri="{9D8B030D-6E8A-4147-A177-3AD203B41FA5}">
                      <a16:colId xmlns:a16="http://schemas.microsoft.com/office/drawing/2014/main" val="3784075202"/>
                    </a:ext>
                  </a:extLst>
                </a:gridCol>
                <a:gridCol w="639192">
                  <a:extLst>
                    <a:ext uri="{9D8B030D-6E8A-4147-A177-3AD203B41FA5}">
                      <a16:colId xmlns:a16="http://schemas.microsoft.com/office/drawing/2014/main" val="2893047761"/>
                    </a:ext>
                  </a:extLst>
                </a:gridCol>
                <a:gridCol w="1068281">
                  <a:extLst>
                    <a:ext uri="{9D8B030D-6E8A-4147-A177-3AD203B41FA5}">
                      <a16:colId xmlns:a16="http://schemas.microsoft.com/office/drawing/2014/main" val="301737186"/>
                    </a:ext>
                  </a:extLst>
                </a:gridCol>
              </a:tblGrid>
              <a:tr h="386402"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icence / Installation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rise en m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munauté, documentation, maturité, Fréquence Maj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rformances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upport</a:t>
                      </a:r>
                    </a:p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fférentes </a:t>
                      </a:r>
                      <a:r>
                        <a:rPr lang="fr-CA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dd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upport </a:t>
                      </a:r>
                    </a:p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.Net </a:t>
                      </a:r>
                      <a:r>
                        <a:rPr lang="fr-CA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re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ransactions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sync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b="1" i="0" kern="1200" dirty="0">
                          <a:solidFill>
                            <a:schemeClr val="bg1"/>
                          </a:solidFill>
                          <a:effectLst/>
                          <a:latin typeface="Segoe UI" panose="020B0502040204020203" pitchFamily="34" charset="0"/>
                          <a:ea typeface="+mn-ea"/>
                          <a:cs typeface="Segoe UI" panose="020B0502040204020203" pitchFamily="34" charset="0"/>
                        </a:rPr>
                        <a:t>Testabilité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64454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F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2369778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ssive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élécharger 2 fichie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84946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apper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9583862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rmlite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999711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impleData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2218294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taPoco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0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                    </a:t>
                      </a:r>
                      <a:endParaRPr lang="fr-FR" sz="10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7993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Poco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93606550"/>
                  </a:ext>
                </a:extLst>
              </a:tr>
            </a:tbl>
          </a:graphicData>
        </a:graphic>
      </p:graphicFrame>
      <p:pic>
        <p:nvPicPr>
          <p:cNvPr id="8" name="Image 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297" y="2203664"/>
            <a:ext cx="305746" cy="292736"/>
          </a:xfrm>
          <a:prstGeom prst="rect">
            <a:avLst/>
          </a:prstGeom>
        </p:spPr>
      </p:pic>
      <p:pic>
        <p:nvPicPr>
          <p:cNvPr id="10" name="Image 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2551" y="2207063"/>
            <a:ext cx="305746" cy="292736"/>
          </a:xfrm>
          <a:prstGeom prst="rect">
            <a:avLst/>
          </a:prstGeom>
        </p:spPr>
      </p:pic>
      <p:pic>
        <p:nvPicPr>
          <p:cNvPr id="13" name="Image 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2713" y="4167731"/>
            <a:ext cx="305746" cy="292736"/>
          </a:xfrm>
          <a:prstGeom prst="rect">
            <a:avLst/>
          </a:prstGeom>
        </p:spPr>
      </p:pic>
      <p:pic>
        <p:nvPicPr>
          <p:cNvPr id="14" name="Image 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99117" y="4172808"/>
            <a:ext cx="305746" cy="292736"/>
          </a:xfrm>
          <a:prstGeom prst="rect">
            <a:avLst/>
          </a:prstGeom>
        </p:spPr>
      </p:pic>
      <p:pic>
        <p:nvPicPr>
          <p:cNvPr id="22" name="Image 2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69" y="3412596"/>
            <a:ext cx="305746" cy="292736"/>
          </a:xfrm>
          <a:prstGeom prst="rect">
            <a:avLst/>
          </a:prstGeom>
        </p:spPr>
      </p:pic>
      <p:pic>
        <p:nvPicPr>
          <p:cNvPr id="23" name="Image 2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91742" y="3418806"/>
            <a:ext cx="305746" cy="292736"/>
          </a:xfrm>
          <a:prstGeom prst="rect">
            <a:avLst/>
          </a:prstGeom>
        </p:spPr>
      </p:pic>
      <p:pic>
        <p:nvPicPr>
          <p:cNvPr id="25" name="Image 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8372" y="3789807"/>
            <a:ext cx="305746" cy="292736"/>
          </a:xfrm>
          <a:prstGeom prst="rect">
            <a:avLst/>
          </a:prstGeom>
        </p:spPr>
      </p:pic>
      <p:pic>
        <p:nvPicPr>
          <p:cNvPr id="26" name="Image 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66508" y="2189565"/>
            <a:ext cx="305746" cy="292736"/>
          </a:xfrm>
          <a:prstGeom prst="rect">
            <a:avLst/>
          </a:prstGeom>
        </p:spPr>
      </p:pic>
      <p:pic>
        <p:nvPicPr>
          <p:cNvPr id="27" name="Image 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7013" y="2196085"/>
            <a:ext cx="305746" cy="292736"/>
          </a:xfrm>
          <a:prstGeom prst="rect">
            <a:avLst/>
          </a:prstGeom>
        </p:spPr>
      </p:pic>
      <p:pic>
        <p:nvPicPr>
          <p:cNvPr id="28" name="Image 2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2254" y="2196085"/>
            <a:ext cx="305746" cy="292736"/>
          </a:xfrm>
          <a:prstGeom prst="rect">
            <a:avLst/>
          </a:prstGeom>
        </p:spPr>
      </p:pic>
      <p:pic>
        <p:nvPicPr>
          <p:cNvPr id="30" name="Image 2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7244" y="2624889"/>
            <a:ext cx="305746" cy="292736"/>
          </a:xfrm>
          <a:prstGeom prst="rect">
            <a:avLst/>
          </a:prstGeom>
        </p:spPr>
      </p:pic>
      <p:pic>
        <p:nvPicPr>
          <p:cNvPr id="31" name="Image 3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8537" y="3009698"/>
            <a:ext cx="305746" cy="292736"/>
          </a:xfrm>
          <a:prstGeom prst="rect">
            <a:avLst/>
          </a:prstGeom>
        </p:spPr>
      </p:pic>
      <p:pic>
        <p:nvPicPr>
          <p:cNvPr id="32" name="Image 3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9042" y="3016218"/>
            <a:ext cx="305746" cy="292736"/>
          </a:xfrm>
          <a:prstGeom prst="rect">
            <a:avLst/>
          </a:prstGeom>
        </p:spPr>
      </p:pic>
      <p:pic>
        <p:nvPicPr>
          <p:cNvPr id="33" name="Image 3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4283" y="3016218"/>
            <a:ext cx="305746" cy="292736"/>
          </a:xfrm>
          <a:prstGeom prst="rect">
            <a:avLst/>
          </a:prstGeom>
        </p:spPr>
      </p:pic>
      <p:pic>
        <p:nvPicPr>
          <p:cNvPr id="36" name="Image 3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1485" y="3788329"/>
            <a:ext cx="305746" cy="292736"/>
          </a:xfrm>
          <a:prstGeom prst="rect">
            <a:avLst/>
          </a:prstGeom>
        </p:spPr>
      </p:pic>
      <p:pic>
        <p:nvPicPr>
          <p:cNvPr id="37" name="Image 3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9096" y="4171486"/>
            <a:ext cx="305746" cy="292736"/>
          </a:xfrm>
          <a:prstGeom prst="rect">
            <a:avLst/>
          </a:prstGeom>
        </p:spPr>
      </p:pic>
      <p:pic>
        <p:nvPicPr>
          <p:cNvPr id="38" name="Image 3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3350" y="4167731"/>
            <a:ext cx="305746" cy="292736"/>
          </a:xfrm>
          <a:prstGeom prst="rect">
            <a:avLst/>
          </a:prstGeom>
        </p:spPr>
      </p:pic>
      <p:pic>
        <p:nvPicPr>
          <p:cNvPr id="39" name="Image 3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4842" y="4167731"/>
            <a:ext cx="305746" cy="292736"/>
          </a:xfrm>
          <a:prstGeom prst="rect">
            <a:avLst/>
          </a:prstGeom>
        </p:spPr>
      </p:pic>
      <p:pic>
        <p:nvPicPr>
          <p:cNvPr id="42" name="Image 4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5615" y="4541359"/>
            <a:ext cx="305746" cy="292736"/>
          </a:xfrm>
          <a:prstGeom prst="rect">
            <a:avLst/>
          </a:prstGeom>
        </p:spPr>
      </p:pic>
      <p:pic>
        <p:nvPicPr>
          <p:cNvPr id="43" name="Image 4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2817" y="4541359"/>
            <a:ext cx="305746" cy="292736"/>
          </a:xfrm>
          <a:prstGeom prst="rect">
            <a:avLst/>
          </a:prstGeom>
        </p:spPr>
      </p:pic>
      <p:pic>
        <p:nvPicPr>
          <p:cNvPr id="45" name="Image 4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0955" y="2075863"/>
            <a:ext cx="445316" cy="445316"/>
          </a:xfrm>
          <a:prstGeom prst="rect">
            <a:avLst/>
          </a:prstGeom>
        </p:spPr>
      </p:pic>
      <p:pic>
        <p:nvPicPr>
          <p:cNvPr id="46" name="Image 4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49372" y="2496560"/>
            <a:ext cx="445316" cy="445316"/>
          </a:xfrm>
          <a:prstGeom prst="rect">
            <a:avLst/>
          </a:prstGeom>
        </p:spPr>
      </p:pic>
      <p:pic>
        <p:nvPicPr>
          <p:cNvPr id="47" name="Image 4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0605" y="2908556"/>
            <a:ext cx="445316" cy="445316"/>
          </a:xfrm>
          <a:prstGeom prst="rect">
            <a:avLst/>
          </a:prstGeom>
        </p:spPr>
      </p:pic>
      <p:pic>
        <p:nvPicPr>
          <p:cNvPr id="48" name="Image 4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7976" y="3278750"/>
            <a:ext cx="445316" cy="445316"/>
          </a:xfrm>
          <a:prstGeom prst="rect">
            <a:avLst/>
          </a:prstGeom>
        </p:spPr>
      </p:pic>
      <p:pic>
        <p:nvPicPr>
          <p:cNvPr id="49" name="Image 4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43507" y="3672531"/>
            <a:ext cx="445316" cy="445316"/>
          </a:xfrm>
          <a:prstGeom prst="rect">
            <a:avLst/>
          </a:prstGeom>
        </p:spPr>
      </p:pic>
      <p:pic>
        <p:nvPicPr>
          <p:cNvPr id="50" name="Image 4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8973" y="4055741"/>
            <a:ext cx="445316" cy="445316"/>
          </a:xfrm>
          <a:prstGeom prst="rect">
            <a:avLst/>
          </a:prstGeom>
        </p:spPr>
      </p:pic>
      <p:pic>
        <p:nvPicPr>
          <p:cNvPr id="52" name="Image 5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1356" y="4439604"/>
            <a:ext cx="445316" cy="445316"/>
          </a:xfrm>
          <a:prstGeom prst="rect">
            <a:avLst/>
          </a:prstGeom>
        </p:spPr>
      </p:pic>
      <p:pic>
        <p:nvPicPr>
          <p:cNvPr id="53" name="Image 5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78088" y="2079157"/>
            <a:ext cx="445316" cy="445316"/>
          </a:xfrm>
          <a:prstGeom prst="rect">
            <a:avLst/>
          </a:prstGeom>
        </p:spPr>
      </p:pic>
      <p:pic>
        <p:nvPicPr>
          <p:cNvPr id="54" name="Image 5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9943" y="2887032"/>
            <a:ext cx="445316" cy="445316"/>
          </a:xfrm>
          <a:prstGeom prst="rect">
            <a:avLst/>
          </a:prstGeom>
        </p:spPr>
      </p:pic>
      <p:pic>
        <p:nvPicPr>
          <p:cNvPr id="55" name="Image 5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3379" y="3282356"/>
            <a:ext cx="445316" cy="445316"/>
          </a:xfrm>
          <a:prstGeom prst="rect">
            <a:avLst/>
          </a:prstGeom>
        </p:spPr>
      </p:pic>
      <p:pic>
        <p:nvPicPr>
          <p:cNvPr id="57" name="Image 5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80" y="4050360"/>
            <a:ext cx="445316" cy="445316"/>
          </a:xfrm>
          <a:prstGeom prst="rect">
            <a:avLst/>
          </a:prstGeom>
        </p:spPr>
      </p:pic>
      <p:pic>
        <p:nvPicPr>
          <p:cNvPr id="59" name="Image 5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9943" y="4427739"/>
            <a:ext cx="445316" cy="445316"/>
          </a:xfrm>
          <a:prstGeom prst="rect">
            <a:avLst/>
          </a:prstGeom>
        </p:spPr>
      </p:pic>
      <p:pic>
        <p:nvPicPr>
          <p:cNvPr id="67" name="Image 66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87565" y="3741268"/>
            <a:ext cx="317175" cy="317175"/>
          </a:xfrm>
          <a:prstGeom prst="rect">
            <a:avLst/>
          </a:prstGeom>
        </p:spPr>
      </p:pic>
      <p:pic>
        <p:nvPicPr>
          <p:cNvPr id="68" name="Image 6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432" y="2079721"/>
            <a:ext cx="445316" cy="445316"/>
          </a:xfrm>
          <a:prstGeom prst="rect">
            <a:avLst/>
          </a:prstGeom>
        </p:spPr>
      </p:pic>
      <p:pic>
        <p:nvPicPr>
          <p:cNvPr id="69" name="Image 6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6838" y="2070123"/>
            <a:ext cx="445316" cy="445316"/>
          </a:xfrm>
          <a:prstGeom prst="rect">
            <a:avLst/>
          </a:prstGeom>
        </p:spPr>
      </p:pic>
      <p:pic>
        <p:nvPicPr>
          <p:cNvPr id="70" name="Image 6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432" y="2512281"/>
            <a:ext cx="445316" cy="445316"/>
          </a:xfrm>
          <a:prstGeom prst="rect">
            <a:avLst/>
          </a:prstGeom>
        </p:spPr>
      </p:pic>
      <p:pic>
        <p:nvPicPr>
          <p:cNvPr id="72" name="Image 7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9335" y="2908556"/>
            <a:ext cx="445316" cy="445316"/>
          </a:xfrm>
          <a:prstGeom prst="rect">
            <a:avLst/>
          </a:prstGeom>
        </p:spPr>
      </p:pic>
      <p:pic>
        <p:nvPicPr>
          <p:cNvPr id="74" name="Image 7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4941" y="2894081"/>
            <a:ext cx="445316" cy="445316"/>
          </a:xfrm>
          <a:prstGeom prst="rect">
            <a:avLst/>
          </a:prstGeom>
        </p:spPr>
      </p:pic>
      <p:pic>
        <p:nvPicPr>
          <p:cNvPr id="75" name="Image 7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6468" y="3280990"/>
            <a:ext cx="445316" cy="445316"/>
          </a:xfrm>
          <a:prstGeom prst="rect">
            <a:avLst/>
          </a:prstGeom>
        </p:spPr>
      </p:pic>
      <p:pic>
        <p:nvPicPr>
          <p:cNvPr id="76" name="Image 7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8470" y="3286164"/>
            <a:ext cx="445316" cy="445316"/>
          </a:xfrm>
          <a:prstGeom prst="rect">
            <a:avLst/>
          </a:prstGeom>
        </p:spPr>
      </p:pic>
      <p:pic>
        <p:nvPicPr>
          <p:cNvPr id="77" name="Image 7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6838" y="3704687"/>
            <a:ext cx="445316" cy="445316"/>
          </a:xfrm>
          <a:prstGeom prst="rect">
            <a:avLst/>
          </a:prstGeom>
        </p:spPr>
      </p:pic>
      <p:pic>
        <p:nvPicPr>
          <p:cNvPr id="78" name="Image 77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63395" y="3733635"/>
            <a:ext cx="317175" cy="317175"/>
          </a:xfrm>
          <a:prstGeom prst="rect">
            <a:avLst/>
          </a:prstGeom>
        </p:spPr>
      </p:pic>
      <p:pic>
        <p:nvPicPr>
          <p:cNvPr id="79" name="Image 7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14687" y="4051974"/>
            <a:ext cx="445316" cy="445316"/>
          </a:xfrm>
          <a:prstGeom prst="rect">
            <a:avLst/>
          </a:prstGeom>
        </p:spPr>
      </p:pic>
      <p:pic>
        <p:nvPicPr>
          <p:cNvPr id="85" name="Image 84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63395" y="4132985"/>
            <a:ext cx="317175" cy="317175"/>
          </a:xfrm>
          <a:prstGeom prst="rect">
            <a:avLst/>
          </a:prstGeom>
        </p:spPr>
      </p:pic>
      <p:pic>
        <p:nvPicPr>
          <p:cNvPr id="87" name="Image 8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8470" y="4438707"/>
            <a:ext cx="445316" cy="445316"/>
          </a:xfrm>
          <a:prstGeom prst="rect">
            <a:avLst/>
          </a:prstGeom>
        </p:spPr>
      </p:pic>
      <p:pic>
        <p:nvPicPr>
          <p:cNvPr id="88" name="Image 8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072" y="4446653"/>
            <a:ext cx="445316" cy="445316"/>
          </a:xfrm>
          <a:prstGeom prst="rect">
            <a:avLst/>
          </a:prstGeom>
        </p:spPr>
      </p:pic>
      <p:pic>
        <p:nvPicPr>
          <p:cNvPr id="89" name="Image 8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9536" y="2173132"/>
            <a:ext cx="305746" cy="292736"/>
          </a:xfrm>
          <a:prstGeom prst="rect">
            <a:avLst/>
          </a:prstGeom>
        </p:spPr>
      </p:pic>
      <p:pic>
        <p:nvPicPr>
          <p:cNvPr id="90" name="Image 8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9536" y="3767114"/>
            <a:ext cx="305746" cy="292736"/>
          </a:xfrm>
          <a:prstGeom prst="rect">
            <a:avLst/>
          </a:prstGeom>
        </p:spPr>
      </p:pic>
      <p:pic>
        <p:nvPicPr>
          <p:cNvPr id="91" name="Image 9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5002" y="2618369"/>
            <a:ext cx="305746" cy="292736"/>
          </a:xfrm>
          <a:prstGeom prst="rect">
            <a:avLst/>
          </a:prstGeom>
        </p:spPr>
      </p:pic>
      <p:pic>
        <p:nvPicPr>
          <p:cNvPr id="92" name="Image 9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507" y="2624889"/>
            <a:ext cx="305746" cy="292736"/>
          </a:xfrm>
          <a:prstGeom prst="rect">
            <a:avLst/>
          </a:prstGeom>
        </p:spPr>
      </p:pic>
      <p:pic>
        <p:nvPicPr>
          <p:cNvPr id="93" name="Image 9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0748" y="2624889"/>
            <a:ext cx="305746" cy="292736"/>
          </a:xfrm>
          <a:prstGeom prst="rect">
            <a:avLst/>
          </a:prstGeom>
        </p:spPr>
      </p:pic>
      <p:pic>
        <p:nvPicPr>
          <p:cNvPr id="94" name="Image 9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5002" y="2999213"/>
            <a:ext cx="305746" cy="292736"/>
          </a:xfrm>
          <a:prstGeom prst="rect">
            <a:avLst/>
          </a:prstGeom>
        </p:spPr>
      </p:pic>
      <p:pic>
        <p:nvPicPr>
          <p:cNvPr id="95" name="Image 9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507" y="3005733"/>
            <a:ext cx="305746" cy="292736"/>
          </a:xfrm>
          <a:prstGeom prst="rect">
            <a:avLst/>
          </a:prstGeom>
        </p:spPr>
      </p:pic>
      <p:pic>
        <p:nvPicPr>
          <p:cNvPr id="96" name="Image 9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0748" y="3005733"/>
            <a:ext cx="305746" cy="292736"/>
          </a:xfrm>
          <a:prstGeom prst="rect">
            <a:avLst/>
          </a:prstGeom>
        </p:spPr>
      </p:pic>
      <p:pic>
        <p:nvPicPr>
          <p:cNvPr id="97" name="Image 9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5002" y="3383437"/>
            <a:ext cx="305746" cy="292736"/>
          </a:xfrm>
          <a:prstGeom prst="rect">
            <a:avLst/>
          </a:prstGeom>
        </p:spPr>
      </p:pic>
      <p:pic>
        <p:nvPicPr>
          <p:cNvPr id="98" name="Image 9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507" y="3389957"/>
            <a:ext cx="305746" cy="292736"/>
          </a:xfrm>
          <a:prstGeom prst="rect">
            <a:avLst/>
          </a:prstGeom>
        </p:spPr>
      </p:pic>
      <p:pic>
        <p:nvPicPr>
          <p:cNvPr id="99" name="Image 9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0748" y="3389957"/>
            <a:ext cx="305746" cy="292736"/>
          </a:xfrm>
          <a:prstGeom prst="rect">
            <a:avLst/>
          </a:prstGeom>
        </p:spPr>
      </p:pic>
      <p:pic>
        <p:nvPicPr>
          <p:cNvPr id="100" name="Image 9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7765" y="4145205"/>
            <a:ext cx="305746" cy="292736"/>
          </a:xfrm>
          <a:prstGeom prst="rect">
            <a:avLst/>
          </a:prstGeom>
        </p:spPr>
      </p:pic>
      <p:pic>
        <p:nvPicPr>
          <p:cNvPr id="101" name="Image 10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18270" y="4151725"/>
            <a:ext cx="305746" cy="292736"/>
          </a:xfrm>
          <a:prstGeom prst="rect">
            <a:avLst/>
          </a:prstGeom>
        </p:spPr>
      </p:pic>
      <p:pic>
        <p:nvPicPr>
          <p:cNvPr id="102" name="Image 10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23511" y="4151725"/>
            <a:ext cx="305746" cy="292736"/>
          </a:xfrm>
          <a:prstGeom prst="rect">
            <a:avLst/>
          </a:prstGeom>
        </p:spPr>
      </p:pic>
      <p:pic>
        <p:nvPicPr>
          <p:cNvPr id="106" name="Image 10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8436" y="4529678"/>
            <a:ext cx="305746" cy="292736"/>
          </a:xfrm>
          <a:prstGeom prst="rect">
            <a:avLst/>
          </a:prstGeom>
        </p:spPr>
      </p:pic>
      <p:pic>
        <p:nvPicPr>
          <p:cNvPr id="107" name="Image 10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88941" y="4536198"/>
            <a:ext cx="305746" cy="292736"/>
          </a:xfrm>
          <a:prstGeom prst="rect">
            <a:avLst/>
          </a:prstGeom>
        </p:spPr>
      </p:pic>
      <p:pic>
        <p:nvPicPr>
          <p:cNvPr id="108" name="Image 10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4182" y="4536198"/>
            <a:ext cx="305746" cy="292736"/>
          </a:xfrm>
          <a:prstGeom prst="rect">
            <a:avLst/>
          </a:prstGeom>
        </p:spPr>
      </p:pic>
      <p:pic>
        <p:nvPicPr>
          <p:cNvPr id="112" name="Image 11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7244" y="3412188"/>
            <a:ext cx="305746" cy="292736"/>
          </a:xfrm>
          <a:prstGeom prst="rect">
            <a:avLst/>
          </a:prstGeom>
        </p:spPr>
      </p:pic>
      <p:pic>
        <p:nvPicPr>
          <p:cNvPr id="113" name="Image 1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1567" y="3409566"/>
            <a:ext cx="305746" cy="292736"/>
          </a:xfrm>
          <a:prstGeom prst="rect">
            <a:avLst/>
          </a:prstGeom>
        </p:spPr>
      </p:pic>
      <p:pic>
        <p:nvPicPr>
          <p:cNvPr id="114" name="Image 1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4283" y="3411650"/>
            <a:ext cx="305746" cy="292736"/>
          </a:xfrm>
          <a:prstGeom prst="rect">
            <a:avLst/>
          </a:prstGeom>
        </p:spPr>
      </p:pic>
      <p:pic>
        <p:nvPicPr>
          <p:cNvPr id="116" name="Image 115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82951" y="2569857"/>
            <a:ext cx="317175" cy="317175"/>
          </a:xfrm>
          <a:prstGeom prst="rect">
            <a:avLst/>
          </a:prstGeom>
        </p:spPr>
      </p:pic>
      <p:pic>
        <p:nvPicPr>
          <p:cNvPr id="117" name="Image 11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1368" y="2487120"/>
            <a:ext cx="445316" cy="445316"/>
          </a:xfrm>
          <a:prstGeom prst="rect">
            <a:avLst/>
          </a:prstGeom>
        </p:spPr>
      </p:pic>
      <p:sp>
        <p:nvSpPr>
          <p:cNvPr id="3" name="ZoneTexte 2"/>
          <p:cNvSpPr txBox="1"/>
          <p:nvPr/>
        </p:nvSpPr>
        <p:spPr>
          <a:xfrm>
            <a:off x="20621" y="5452957"/>
            <a:ext cx="80076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- Ils supportent tous l’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éxécution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es procédures stockées, vues, fonctions</a:t>
            </a:r>
          </a:p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- Ils sont tous protégés des injection SQL (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aramétrisation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es requêtes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83" name="Image 8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8216" y="2070123"/>
            <a:ext cx="445316" cy="445316"/>
          </a:xfrm>
          <a:prstGeom prst="rect">
            <a:avLst/>
          </a:prstGeom>
        </p:spPr>
      </p:pic>
      <p:pic>
        <p:nvPicPr>
          <p:cNvPr id="84" name="Image 83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8216" y="3733634"/>
            <a:ext cx="317175" cy="317175"/>
          </a:xfrm>
          <a:prstGeom prst="rect">
            <a:avLst/>
          </a:prstGeom>
        </p:spPr>
      </p:pic>
      <p:pic>
        <p:nvPicPr>
          <p:cNvPr id="86" name="Image 8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3559" y="2887032"/>
            <a:ext cx="445316" cy="445316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2533123"/>
            <a:ext cx="424474" cy="424474"/>
          </a:xfrm>
          <a:prstGeom prst="rect">
            <a:avLst/>
          </a:prstGeom>
        </p:spPr>
      </p:pic>
      <p:pic>
        <p:nvPicPr>
          <p:cNvPr id="18" name="Image 1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3318732"/>
            <a:ext cx="371999" cy="371999"/>
          </a:xfrm>
          <a:prstGeom prst="rect">
            <a:avLst/>
          </a:prstGeom>
        </p:spPr>
      </p:pic>
      <p:pic>
        <p:nvPicPr>
          <p:cNvPr id="103" name="Image 10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4072462"/>
            <a:ext cx="371999" cy="371999"/>
          </a:xfrm>
          <a:prstGeom prst="rect">
            <a:avLst/>
          </a:prstGeom>
        </p:spPr>
      </p:pic>
      <p:pic>
        <p:nvPicPr>
          <p:cNvPr id="104" name="Image 10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4483311"/>
            <a:ext cx="371999" cy="371999"/>
          </a:xfrm>
          <a:prstGeom prst="rect">
            <a:avLst/>
          </a:prstGeom>
        </p:spPr>
      </p:pic>
      <p:pic>
        <p:nvPicPr>
          <p:cNvPr id="105" name="Image 10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1613" y="4560030"/>
            <a:ext cx="305746" cy="292736"/>
          </a:xfrm>
          <a:prstGeom prst="rect">
            <a:avLst/>
          </a:prstGeom>
        </p:spPr>
      </p:pic>
      <p:pic>
        <p:nvPicPr>
          <p:cNvPr id="115" name="Image 11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55867" y="4556275"/>
            <a:ext cx="305746" cy="292736"/>
          </a:xfrm>
          <a:prstGeom prst="rect">
            <a:avLst/>
          </a:prstGeom>
        </p:spPr>
      </p:pic>
      <p:pic>
        <p:nvPicPr>
          <p:cNvPr id="119" name="Image 1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67359" y="4556275"/>
            <a:ext cx="305746" cy="292736"/>
          </a:xfrm>
          <a:prstGeom prst="rect">
            <a:avLst/>
          </a:prstGeom>
        </p:spPr>
      </p:pic>
      <p:pic>
        <p:nvPicPr>
          <p:cNvPr id="120" name="Image 1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85424" y="3000932"/>
            <a:ext cx="305746" cy="292736"/>
          </a:xfrm>
          <a:prstGeom prst="rect">
            <a:avLst/>
          </a:prstGeom>
        </p:spPr>
      </p:pic>
      <p:pic>
        <p:nvPicPr>
          <p:cNvPr id="121" name="Image 1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678" y="2997177"/>
            <a:ext cx="305746" cy="292736"/>
          </a:xfrm>
          <a:prstGeom prst="rect">
            <a:avLst/>
          </a:prstGeom>
        </p:spPr>
      </p:pic>
      <p:pic>
        <p:nvPicPr>
          <p:cNvPr id="124" name="Image 12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91170" y="2997177"/>
            <a:ext cx="305746" cy="292736"/>
          </a:xfrm>
          <a:prstGeom prst="rect">
            <a:avLst/>
          </a:prstGeom>
        </p:spPr>
      </p:pic>
      <p:pic>
        <p:nvPicPr>
          <p:cNvPr id="125" name="Image 1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5605" y="2627975"/>
            <a:ext cx="305746" cy="292736"/>
          </a:xfrm>
          <a:prstGeom prst="rect">
            <a:avLst/>
          </a:prstGeom>
        </p:spPr>
      </p:pic>
      <p:pic>
        <p:nvPicPr>
          <p:cNvPr id="126" name="Image 1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9859" y="2624220"/>
            <a:ext cx="305746" cy="292736"/>
          </a:xfrm>
          <a:prstGeom prst="rect">
            <a:avLst/>
          </a:prstGeom>
        </p:spPr>
      </p:pic>
      <p:pic>
        <p:nvPicPr>
          <p:cNvPr id="127" name="Image 1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1351" y="2624220"/>
            <a:ext cx="305746" cy="292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5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Lesquels sortent du lot?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N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pour la simplicité de sa syntaxe et ses 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Dapp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pour ses performances exceptionnelles et sa communauté qui l’entour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OrmLi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sa double syntaxe LINQ-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et SQL, et pour ses fonctionnalités riches, et ses performances</a:t>
            </a: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98007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Qu’en conclure ?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Dapp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est aujourd’hui le plus populaire pour ses performances exceptionnell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Ormli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N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méritent aussi d’être adop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Faut-il se séparer d’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EntityFramework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?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Seul le futur le dira, mais si c’est uniquement pour une raison de performances on peut en effet le supplanter par un micro ORM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EntityFramework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est plus facile à tester unitairement en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mockant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son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DbContext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456196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L'arrivée il y 10 ans d'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Entity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Framework a permis de requêter une base de données sans écrire une seule ligne de SQL. </a:t>
            </a:r>
          </a:p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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Ce qui a permis d’augmenter la productivité des développeurs.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Entity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Framework a apporté son lot d'avantages mais aussi d'inconvénients…….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71859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À surveiller….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Simple.Data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SqlFU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Artisan ORM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XPoco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NReco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Uni.Orm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09690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185934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CA" dirty="0"/>
              <a:t>Avantag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861545"/>
            <a:ext cx="9509760" cy="318071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Gain de productivité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1567528"/>
            <a:ext cx="10163336" cy="4707437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77930" y="3534586"/>
            <a:ext cx="4209596" cy="2504805"/>
          </a:xfrm>
          <a:prstGeom prst="rect">
            <a:avLst/>
          </a:prstGeom>
        </p:spPr>
      </p:pic>
      <p:sp>
        <p:nvSpPr>
          <p:cNvPr id="7" name="Flèche : droite 6"/>
          <p:cNvSpPr/>
          <p:nvPr/>
        </p:nvSpPr>
        <p:spPr>
          <a:xfrm>
            <a:off x="7553520" y="4544672"/>
            <a:ext cx="848820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94449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Inconvénients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Plus complexe qu’il en a l’air (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LazyLoad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EagerLoad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Nombreux bugs de mise à jour du modèle EDMX en mo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atabas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First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89540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698971"/>
            <a:ext cx="9509760" cy="584544"/>
          </a:xfrm>
        </p:spPr>
        <p:txBody>
          <a:bodyPr>
            <a:normAutofit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Les alternativ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Aujourd'hui il existe différentes alternatives à ce dernier, les micro ORM.</a:t>
            </a:r>
          </a:p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Nous allons voir en quoi ils sont intéressants :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Compatibilité avec les différentes bases de données relationnell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implicité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Communauté autour de ces derniers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656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Historique</a:t>
            </a:r>
          </a:p>
        </p:txBody>
      </p:sp>
      <p:cxnSp>
        <p:nvCxnSpPr>
          <p:cNvPr id="5" name="OTLSHAPE_M_250ea2be05854b80bcdbec07faaa2d69_Connector1"/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87298" y="4212978"/>
            <a:ext cx="0" cy="6199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683ca16ec00d46a181a7b06be6420d7d_Connector1"/>
          <p:cNvCxnSpPr>
            <a:cxnSpLocks/>
            <a:endCxn id="40" idx="3"/>
          </p:cNvCxnSpPr>
          <p:nvPr>
            <p:custDataLst>
              <p:tags r:id="rId2"/>
            </p:custDataLst>
          </p:nvPr>
        </p:nvCxnSpPr>
        <p:spPr>
          <a:xfrm>
            <a:off x="4959144" y="2780903"/>
            <a:ext cx="0" cy="67249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>
            <a:off x="711575" y="2806826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28823" y="3679024"/>
            <a:ext cx="11608044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54196" y="376973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2</a:t>
            </a:r>
          </a:p>
        </p:txBody>
      </p:sp>
      <p:cxnSp>
        <p:nvCxnSpPr>
          <p:cNvPr id="29" name="OTLSHAPE_TB_00000000000000000000000000000000_Separator8"/>
          <p:cNvCxnSpPr/>
          <p:nvPr>
            <p:custDataLst>
              <p:tags r:id="rId6"/>
            </p:custDataLst>
          </p:nvPr>
        </p:nvCxnSpPr>
        <p:spPr>
          <a:xfrm>
            <a:off x="7927962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dd8ed9b66fc40c7b9eaa6cd4eb05791_Shape"/>
          <p:cNvSpPr/>
          <p:nvPr>
            <p:custDataLst>
              <p:tags r:id="rId7"/>
            </p:custDataLst>
          </p:nvPr>
        </p:nvSpPr>
        <p:spPr>
          <a:xfrm>
            <a:off x="597275" y="3446062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8" name="OTLSHAPE_M_683ca16ec00d46a181a7b06be6420d7d_Title"/>
          <p:cNvSpPr txBox="1"/>
          <p:nvPr>
            <p:custDataLst>
              <p:tags r:id="rId8"/>
            </p:custDataLst>
          </p:nvPr>
        </p:nvSpPr>
        <p:spPr>
          <a:xfrm>
            <a:off x="4311427" y="2597984"/>
            <a:ext cx="131571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tity Framework</a:t>
            </a:r>
          </a:p>
        </p:txBody>
      </p:sp>
      <p:sp>
        <p:nvSpPr>
          <p:cNvPr id="40" name="OTLSHAPE_M_683ca16ec00d46a181a7b06be6420d7d_Shape"/>
          <p:cNvSpPr/>
          <p:nvPr>
            <p:custDataLst>
              <p:tags r:id="rId9"/>
            </p:custDataLst>
          </p:nvPr>
        </p:nvSpPr>
        <p:spPr>
          <a:xfrm flipV="1">
            <a:off x="4844844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6" name="OTLSHAPE_M_250ea2be05854b80bcdbec07faaa2d69_Title"/>
          <p:cNvSpPr txBox="1"/>
          <p:nvPr>
            <p:custDataLst>
              <p:tags r:id="rId10"/>
            </p:custDataLst>
          </p:nvPr>
        </p:nvSpPr>
        <p:spPr>
          <a:xfrm>
            <a:off x="6631220" y="4663844"/>
            <a:ext cx="6673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8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882153" y="4035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9" name="OTLSHAPE_M_683ca16ec00d46a181a7b06be6420d7d_Title"/>
          <p:cNvSpPr txBox="1"/>
          <p:nvPr>
            <p:custDataLst>
              <p:tags r:id="rId12"/>
            </p:custDataLst>
          </p:nvPr>
        </p:nvSpPr>
        <p:spPr>
          <a:xfrm>
            <a:off x="208734" y="2515020"/>
            <a:ext cx="141780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pparition d’ADO.NET avec </a:t>
            </a:r>
          </a:p>
          <a:p>
            <a:r>
              <a:rPr lang="en-US" sz="11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 Framework .NET</a:t>
            </a:r>
          </a:p>
        </p:txBody>
      </p:sp>
      <p:cxnSp>
        <p:nvCxnSpPr>
          <p:cNvPr id="61" name="OTLSHAPE_TB_00000000000000000000000000000000_Separator9"/>
          <p:cNvCxnSpPr/>
          <p:nvPr>
            <p:custDataLst>
              <p:tags r:id="rId13"/>
            </p:custDataLst>
          </p:nvPr>
        </p:nvCxnSpPr>
        <p:spPr>
          <a:xfrm>
            <a:off x="8549569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78881" y="377105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9</a:t>
            </a:r>
          </a:p>
        </p:txBody>
      </p:sp>
      <p:sp>
        <p:nvSpPr>
          <p:cNvPr id="6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6181875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0</a:t>
            </a:r>
          </a:p>
        </p:txBody>
      </p:sp>
      <p:cxnSp>
        <p:nvCxnSpPr>
          <p:cNvPr id="66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031181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219492" y="3791261"/>
            <a:ext cx="407044" cy="1565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3</a:t>
            </a: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1743668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1948957" y="3781169"/>
            <a:ext cx="381737" cy="1767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4</a:t>
            </a: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2456155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640674" y="3771079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5</a:t>
            </a:r>
          </a:p>
        </p:txBody>
      </p:sp>
      <p:cxnSp>
        <p:nvCxnSpPr>
          <p:cNvPr id="72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168642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3881129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593616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5306103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5968256" y="373331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6665334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7302927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582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6</a:t>
            </a: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100002" y="377649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7</a:t>
            </a:r>
          </a:p>
        </p:txBody>
      </p:sp>
      <p:sp>
        <p:nvSpPr>
          <p:cNvPr id="8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787034" y="3767287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8</a:t>
            </a:r>
          </a:p>
        </p:txBody>
      </p:sp>
      <p:sp>
        <p:nvSpPr>
          <p:cNvPr id="82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82502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1</a:t>
            </a:r>
          </a:p>
        </p:txBody>
      </p:sp>
      <p:sp>
        <p:nvSpPr>
          <p:cNvPr id="8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746893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2</a:t>
            </a: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809144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3</a:t>
            </a:r>
          </a:p>
        </p:txBody>
      </p:sp>
      <p:sp>
        <p:nvSpPr>
          <p:cNvPr id="85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8730238" y="3761733"/>
            <a:ext cx="381735" cy="212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9196920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934280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984290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9993494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50149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10688322" y="3777174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11173123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83ca16ec00d46a181a7b06be6420d7d_Connector1"/>
          <p:cNvCxnSpPr>
            <a:cxnSpLocks/>
            <a:endCxn id="55" idx="0"/>
          </p:cNvCxnSpPr>
          <p:nvPr>
            <p:custDataLst>
              <p:tags r:id="rId43"/>
            </p:custDataLst>
          </p:nvPr>
        </p:nvCxnSpPr>
        <p:spPr>
          <a:xfrm>
            <a:off x="6790260" y="306877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683ca16ec00d46a181a7b06be6420d7d_Title"/>
          <p:cNvSpPr txBox="1"/>
          <p:nvPr>
            <p:custDataLst>
              <p:tags r:id="rId44"/>
            </p:custDataLst>
          </p:nvPr>
        </p:nvSpPr>
        <p:spPr>
          <a:xfrm>
            <a:off x="6532449" y="2806209"/>
            <a:ext cx="62051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ssive</a:t>
            </a:r>
          </a:p>
        </p:txBody>
      </p:sp>
      <p:sp>
        <p:nvSpPr>
          <p:cNvPr id="55" name="OTLSHAPE_M_683ca16ec00d46a181a7b06be6420d7d_Shape"/>
          <p:cNvSpPr/>
          <p:nvPr>
            <p:custDataLst>
              <p:tags r:id="rId45"/>
            </p:custDataLst>
          </p:nvPr>
        </p:nvSpPr>
        <p:spPr>
          <a:xfrm flipV="1">
            <a:off x="6675960" y="346038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0" name="OTLSHAPE_M_683ca16ec00d46a181a7b06be6420d7d_Shape"/>
          <p:cNvSpPr/>
          <p:nvPr>
            <p:custDataLst>
              <p:tags r:id="rId46"/>
            </p:custDataLst>
          </p:nvPr>
        </p:nvSpPr>
        <p:spPr>
          <a:xfrm flipV="1">
            <a:off x="7069979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62" name="OTLSHAPE_M_683ca16ec00d46a181a7b06be6420d7d_Connector1"/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7184279" y="2807791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683ca16ec00d46a181a7b06be6420d7d_Title"/>
          <p:cNvSpPr txBox="1"/>
          <p:nvPr>
            <p:custDataLst>
              <p:tags r:id="rId48"/>
            </p:custDataLst>
          </p:nvPr>
        </p:nvSpPr>
        <p:spPr>
          <a:xfrm>
            <a:off x="6782725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pper</a:t>
            </a:r>
          </a:p>
        </p:txBody>
      </p:sp>
      <p:sp>
        <p:nvSpPr>
          <p:cNvPr id="93" name="OTLSHAPE_M_250ea2be05854b80bcdbec07faaa2d69_Shape"/>
          <p:cNvSpPr/>
          <p:nvPr>
            <p:custDataLst>
              <p:tags r:id="rId49"/>
            </p:custDataLst>
          </p:nvPr>
        </p:nvSpPr>
        <p:spPr>
          <a:xfrm>
            <a:off x="6236488" y="403983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94" name="OTLSHAPE_M_250ea2be05854b80bcdbec07faaa2d69_Connector1"/>
          <p:cNvCxnSpPr>
            <a:cxnSpLocks/>
          </p:cNvCxnSpPr>
          <p:nvPr>
            <p:custDataLst>
              <p:tags r:id="rId50"/>
            </p:custDataLst>
          </p:nvPr>
        </p:nvCxnSpPr>
        <p:spPr>
          <a:xfrm>
            <a:off x="6350788" y="4234923"/>
            <a:ext cx="0" cy="56510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250ea2be05854b80bcdbec07faaa2d69_Title"/>
          <p:cNvSpPr txBox="1"/>
          <p:nvPr>
            <p:custDataLst>
              <p:tags r:id="rId51"/>
            </p:custDataLst>
          </p:nvPr>
        </p:nvSpPr>
        <p:spPr>
          <a:xfrm>
            <a:off x="6010832" y="4663844"/>
            <a:ext cx="62401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rmLite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6" name="OTLSHAPE_M_683ca16ec00d46a181a7b06be6420d7d_Shape"/>
          <p:cNvSpPr/>
          <p:nvPr>
            <p:custDataLst>
              <p:tags r:id="rId52"/>
            </p:custDataLst>
          </p:nvPr>
        </p:nvSpPr>
        <p:spPr>
          <a:xfrm flipV="1">
            <a:off x="6193201" y="3468885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97" name="OTLSHAPE_M_683ca16ec00d46a181a7b06be6420d7d_Connector1"/>
          <p:cNvCxnSpPr>
            <a:cxnSpLocks/>
            <a:endCxn id="96" idx="3"/>
          </p:cNvCxnSpPr>
          <p:nvPr>
            <p:custDataLst>
              <p:tags r:id="rId53"/>
            </p:custDataLst>
          </p:nvPr>
        </p:nvCxnSpPr>
        <p:spPr>
          <a:xfrm>
            <a:off x="6307501" y="2867143"/>
            <a:ext cx="0" cy="6017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683ca16ec00d46a181a7b06be6420d7d_Title"/>
          <p:cNvSpPr txBox="1"/>
          <p:nvPr>
            <p:custDataLst>
              <p:tags r:id="rId54"/>
            </p:custDataLst>
          </p:nvPr>
        </p:nvSpPr>
        <p:spPr>
          <a:xfrm>
            <a:off x="5768695" y="2597984"/>
            <a:ext cx="86252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imple.Data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9" name="OTLSHAPE_M_683ca16ec00d46a181a7b06be6420d7d_Shape"/>
          <p:cNvSpPr/>
          <p:nvPr>
            <p:custDataLst>
              <p:tags r:id="rId55"/>
            </p:custDataLst>
          </p:nvPr>
        </p:nvSpPr>
        <p:spPr>
          <a:xfrm flipV="1">
            <a:off x="8110422" y="3461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0" name="OTLSHAPE_M_683ca16ec00d46a181a7b06be6420d7d_Connector1"/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8212645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683ca16ec00d46a181a7b06be6420d7d_Title"/>
          <p:cNvSpPr txBox="1"/>
          <p:nvPr>
            <p:custDataLst>
              <p:tags r:id="rId57"/>
            </p:custDataLst>
          </p:nvPr>
        </p:nvSpPr>
        <p:spPr>
          <a:xfrm>
            <a:off x="7866240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qlFu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3" name="OTLSHAPE_M_250ea2be05854b80bcdbec07faaa2d69_Connector1"/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7632964" y="4207503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250ea2be05854b80bcdbec07faaa2d69_Title"/>
          <p:cNvSpPr txBox="1"/>
          <p:nvPr>
            <p:custDataLst>
              <p:tags r:id="rId59"/>
            </p:custDataLst>
          </p:nvPr>
        </p:nvSpPr>
        <p:spPr>
          <a:xfrm>
            <a:off x="7385308" y="4663844"/>
            <a:ext cx="72511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icroLite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518664" y="402236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M_683ca16ec00d46a181a7b06be6420d7d_Shape"/>
          <p:cNvSpPr/>
          <p:nvPr>
            <p:custDataLst>
              <p:tags r:id="rId61"/>
            </p:custDataLst>
          </p:nvPr>
        </p:nvSpPr>
        <p:spPr>
          <a:xfrm flipV="1">
            <a:off x="7524948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7" name="OTLSHAPE_M_683ca16ec00d46a181a7b06be6420d7d_Connector1"/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7632964" y="2856057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683ca16ec00d46a181a7b06be6420d7d_Title"/>
          <p:cNvSpPr txBox="1"/>
          <p:nvPr>
            <p:custDataLst>
              <p:tags r:id="rId63"/>
            </p:custDataLst>
          </p:nvPr>
        </p:nvSpPr>
        <p:spPr>
          <a:xfrm>
            <a:off x="7321814" y="259855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2" name="OTLSHAPE_M_683ca16ec00d46a181a7b06be6420d7d_Shape"/>
          <p:cNvSpPr/>
          <p:nvPr>
            <p:custDataLst>
              <p:tags r:id="rId64"/>
            </p:custDataLst>
          </p:nvPr>
        </p:nvSpPr>
        <p:spPr>
          <a:xfrm flipV="1">
            <a:off x="9357745" y="3462299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9" name="OTLSHAPE_M_683ca16ec00d46a181a7b06be6420d7d_Connector1"/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472045" y="2927460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683ca16ec00d46a181a7b06be6420d7d_Title"/>
          <p:cNvSpPr txBox="1"/>
          <p:nvPr>
            <p:custDataLst>
              <p:tags r:id="rId66"/>
            </p:custDataLst>
          </p:nvPr>
        </p:nvSpPr>
        <p:spPr>
          <a:xfrm>
            <a:off x="9111973" y="2634898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Uni.Orm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1" name="OTLSHAPE_M_683ca16ec00d46a181a7b06be6420d7d_Shape"/>
          <p:cNvSpPr/>
          <p:nvPr>
            <p:custDataLst>
              <p:tags r:id="rId67"/>
            </p:custDataLst>
          </p:nvPr>
        </p:nvSpPr>
        <p:spPr>
          <a:xfrm flipV="1">
            <a:off x="10070061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12" name="OTLSHAPE_M_683ca16ec00d46a181a7b06be6420d7d_Connector1"/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10184361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683ca16ec00d46a181a7b06be6420d7d_Title"/>
          <p:cNvSpPr txBox="1"/>
          <p:nvPr>
            <p:custDataLst>
              <p:tags r:id="rId69"/>
            </p:custDataLst>
          </p:nvPr>
        </p:nvSpPr>
        <p:spPr>
          <a:xfrm>
            <a:off x="9873711" y="2634898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Reco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17" name="OTLSHAPE_M_250ea2be05854b80bcdbec07faaa2d69_Connector1"/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10184361" y="4276360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50ea2be05854b80bcdbec07faaa2d69_Title"/>
          <p:cNvSpPr txBox="1"/>
          <p:nvPr>
            <p:custDataLst>
              <p:tags r:id="rId71"/>
            </p:custDataLst>
          </p:nvPr>
        </p:nvSpPr>
        <p:spPr>
          <a:xfrm>
            <a:off x="9759410" y="4763113"/>
            <a:ext cx="106099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tisan </a:t>
            </a:r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rm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9" name="OTLSHAPE_M_250ea2be05854b80bcdbec07faaa2d69_Shape"/>
          <p:cNvSpPr/>
          <p:nvPr>
            <p:custDataLst>
              <p:tags r:id="rId72"/>
            </p:custDataLst>
          </p:nvPr>
        </p:nvSpPr>
        <p:spPr>
          <a:xfrm>
            <a:off x="10070061" y="402464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0" name="OTLSHAPE_M_683ca16ec00d46a181a7b06be6420d7d_Shape"/>
          <p:cNvSpPr/>
          <p:nvPr>
            <p:custDataLst>
              <p:tags r:id="rId73"/>
            </p:custDataLst>
          </p:nvPr>
        </p:nvSpPr>
        <p:spPr>
          <a:xfrm flipV="1">
            <a:off x="10706102" y="3448454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21" name="OTLSHAPE_M_683ca16ec00d46a181a7b06be6420d7d_Connector1"/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10820402" y="285295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M_683ca16ec00d46a181a7b06be6420d7d_Title"/>
          <p:cNvSpPr txBox="1"/>
          <p:nvPr>
            <p:custDataLst>
              <p:tags r:id="rId75"/>
            </p:custDataLst>
          </p:nvPr>
        </p:nvSpPr>
        <p:spPr>
          <a:xfrm>
            <a:off x="10509752" y="2620713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XPoco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661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rigine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XPoco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" name="Flèche : droite 6"/>
          <p:cNvSpPr/>
          <p:nvPr/>
        </p:nvSpPr>
        <p:spPr>
          <a:xfrm>
            <a:off x="3311010" y="3477005"/>
            <a:ext cx="827405" cy="21260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1937857" y="3330429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Massive (2011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ZoneTexte 9"/>
          <p:cNvSpPr txBox="1"/>
          <p:nvPr/>
        </p:nvSpPr>
        <p:spPr>
          <a:xfrm>
            <a:off x="4138415" y="3330429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 (2011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" name="Flèche : courbe vers le bas 13"/>
          <p:cNvSpPr/>
          <p:nvPr/>
        </p:nvSpPr>
        <p:spPr>
          <a:xfrm>
            <a:off x="5073024" y="2377565"/>
            <a:ext cx="2020957" cy="731520"/>
          </a:xfrm>
          <a:prstGeom prst="curved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" name="Flèche : courbe vers le haut 14"/>
          <p:cNvSpPr/>
          <p:nvPr/>
        </p:nvSpPr>
        <p:spPr>
          <a:xfrm>
            <a:off x="5073024" y="4261607"/>
            <a:ext cx="2020957" cy="731520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6987043" y="2817953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 err="1"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 (2012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7" name="ZoneTexte 16"/>
          <p:cNvSpPr txBox="1"/>
          <p:nvPr/>
        </p:nvSpPr>
        <p:spPr>
          <a:xfrm>
            <a:off x="6987043" y="3846108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 err="1">
                <a:latin typeface="Segoe UI" panose="020B0502040204020203" pitchFamily="34" charset="0"/>
                <a:cs typeface="Segoe UI" panose="020B0502040204020203" pitchFamily="34" charset="0"/>
              </a:rPr>
              <a:t>XPoco</a:t>
            </a:r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 (2017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169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73142"/>
          </a:xfrm>
        </p:spPr>
        <p:txBody>
          <a:bodyPr/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cénario utilisé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81246" y="1012054"/>
            <a:ext cx="8405627" cy="5116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66112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Simple.Data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yntaxe entièrement dynamique, conséquence : pas d'IntelliSense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ysql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SqlAnyWhe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Informix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Microsoft Access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yntaxe peu compliquée (LINQ-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les transaction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décev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Gestion de la connexion douteuse : « </a:t>
            </a:r>
            <a:r>
              <a:rPr lang="en-US" i="1" dirty="0" err="1">
                <a:latin typeface="Segoe UI" panose="020B0502040204020203" pitchFamily="34" charset="0"/>
                <a:cs typeface="Segoe UI" panose="020B0502040204020203" pitchFamily="34" charset="0"/>
              </a:rPr>
              <a:t>Simple.Data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 is quite aggressive in closing connections and holds no open connections to a data store by default, so you can keep the Database object returned from the Open*() methods hanging around without worrying.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»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non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Non testable unitairemen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Était Prometteur mais malheureusement il n’est plus mis à jour depuis 2013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4610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heer Blue 16x9">
  <a:themeElements>
    <a:clrScheme name="AcademicScience">
      <a:dk1>
        <a:srgbClr val="000000"/>
      </a:dk1>
      <a:lt1>
        <a:sysClr val="window" lastClr="FFFFFF"/>
      </a:lt1>
      <a:dk2>
        <a:srgbClr val="1B1B1B"/>
      </a:dk2>
      <a:lt2>
        <a:srgbClr val="E5E8E8"/>
      </a:lt2>
      <a:accent1>
        <a:srgbClr val="00B0EA"/>
      </a:accent1>
      <a:accent2>
        <a:srgbClr val="45AE22"/>
      </a:accent2>
      <a:accent3>
        <a:srgbClr val="FFFF00"/>
      </a:accent3>
      <a:accent4>
        <a:srgbClr val="F2760D"/>
      </a:accent4>
      <a:accent5>
        <a:srgbClr val="BB2B35"/>
      </a:accent5>
      <a:accent6>
        <a:srgbClr val="6C3CA2"/>
      </a:accent6>
      <a:hlink>
        <a:srgbClr val="00B0EA"/>
      </a:hlink>
      <a:folHlink>
        <a:srgbClr val="969696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ésentation1" id="{AC8D0E24-DFCC-4A51-AEB2-769229C2A579}" vid="{32AB4C3C-3902-4011-8823-97AD4E525CF2}"/>
    </a:ext>
  </a:extLst>
</a:theme>
</file>

<file path=ppt/theme/theme2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BAE80E2-BC63-4DD4-B0C8-1971B89A2F9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avec bordure bleue (grand écran)</Template>
  <TotalTime>0</TotalTime>
  <Words>764</Words>
  <Application>Microsoft Office PowerPoint</Application>
  <PresentationFormat>Grand écran</PresentationFormat>
  <Paragraphs>188</Paragraphs>
  <Slides>20</Slides>
  <Notes>2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0</vt:i4>
      </vt:variant>
    </vt:vector>
  </HeadingPairs>
  <TitlesOfParts>
    <vt:vector size="25" baseType="lpstr">
      <vt:lpstr>Arial</vt:lpstr>
      <vt:lpstr>Constantia</vt:lpstr>
      <vt:lpstr>Segoe UI</vt:lpstr>
      <vt:lpstr>Wingdings</vt:lpstr>
      <vt:lpstr>Sheer Blue 16x9</vt:lpstr>
      <vt:lpstr>Les Micro ORM, alternatives à Entity Framework</vt:lpstr>
      <vt:lpstr>Introduction</vt:lpstr>
      <vt:lpstr>Avantage</vt:lpstr>
      <vt:lpstr>Inconvénients</vt:lpstr>
      <vt:lpstr>Les alternatives</vt:lpstr>
      <vt:lpstr>Historique</vt:lpstr>
      <vt:lpstr>Origines de PetaPoco, NPoco et XPoco</vt:lpstr>
      <vt:lpstr>Scénario utilisé</vt:lpstr>
      <vt:lpstr>Simple.Data</vt:lpstr>
      <vt:lpstr>Massive</vt:lpstr>
      <vt:lpstr>PetaPoco</vt:lpstr>
      <vt:lpstr>NPoco</vt:lpstr>
      <vt:lpstr>OrmLite</vt:lpstr>
      <vt:lpstr>Dapper</vt:lpstr>
      <vt:lpstr>Aperçu des performances  Select unique avec 500 enregistrements</vt:lpstr>
      <vt:lpstr>Aperçu des performances  Select en boucle avec un enregistrement unique</vt:lpstr>
      <vt:lpstr>Récapitulatif</vt:lpstr>
      <vt:lpstr>Lesquels sortent du lot?</vt:lpstr>
      <vt:lpstr>Qu’en conclure ?</vt:lpstr>
      <vt:lpstr>À surveiller….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2-05T02:15:32Z</dcterms:created>
  <dcterms:modified xsi:type="dcterms:W3CDTF">2017-03-05T23:55:44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2134699991</vt:lpwstr>
  </property>
</Properties>
</file>